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421"/>
      </w:tblGrid>
      <w:tr w:rsidR="00CE0DED" w14:paraId="418525DB" w14:textId="77777777" w:rsidTr="00B01473">
        <w:trPr>
          <w:trHeight w:hRule="exact" w:val="270"/>
        </w:trPr>
        <w:tc>
          <w:tcPr>
            <w:tcW w:w="421" w:type="dxa"/>
          </w:tcPr>
          <w:p w14:paraId="75CFD757" w14:textId="2A728BF9" w:rsidR="00F6455B" w:rsidRDefault="00F6455B" w:rsidP="002B5C83"/>
        </w:tc>
      </w:tr>
    </w:tbl>
    <w:p w14:paraId="553F0D65" w14:textId="77777777" w:rsidR="009A0C10" w:rsidRDefault="002B5C83" w:rsidP="009A0C10">
      <w:pPr>
        <w:jc w:val="center"/>
        <w:rPr>
          <w:b/>
          <w:bCs/>
          <w:lang w:val="en-US"/>
        </w:rPr>
      </w:pPr>
      <w:r>
        <w:br w:type="textWrapping" w:clear="all"/>
      </w:r>
    </w:p>
    <w:p w14:paraId="2E240591" w14:textId="6EF1B2AE" w:rsidR="00B01473" w:rsidRPr="009A0C10" w:rsidRDefault="00B01473" w:rsidP="009A0C10">
      <w:pPr>
        <w:jc w:val="center"/>
        <w:rPr>
          <w:b/>
          <w:bCs/>
          <w:lang w:val="en-US"/>
        </w:rPr>
      </w:pPr>
      <w:r w:rsidRPr="009A0C10">
        <w:rPr>
          <w:b/>
          <w:bCs/>
          <w:lang w:val="en-US"/>
        </w:rPr>
        <w:t>PROCURA SPECIALA</w:t>
      </w:r>
    </w:p>
    <w:p w14:paraId="36F66A9C" w14:textId="6E590B99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e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prezentar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dunare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General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r w:rsidR="0012657E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Extrao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rdinara a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onarilor</w:t>
      </w:r>
      <w:proofErr w:type="spellEnd"/>
    </w:p>
    <w:p w14:paraId="2664C1D5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CR Leasing IFN SA</w:t>
      </w:r>
    </w:p>
    <w:p w14:paraId="026CD615" w14:textId="3226E20A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in data de </w:t>
      </w:r>
      <w:r w:rsidR="009A0C10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24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</w:t>
      </w:r>
      <w:r w:rsidR="009A0C10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11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202</w:t>
      </w:r>
      <w:r w:rsidR="00247C30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5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or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10</w:t>
      </w:r>
      <w:r w:rsidR="0012657E" w:rsidRPr="0012657E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0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0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exclusiv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orespondenta</w:t>
      </w:r>
      <w:proofErr w:type="spellEnd"/>
    </w:p>
    <w:p w14:paraId="245DA4F8" w14:textId="77777777" w:rsidR="00B01473" w:rsidRPr="00B01473" w:rsidRDefault="00B01473" w:rsidP="00B01473">
      <w:pPr>
        <w:spacing w:after="160" w:line="259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378E808F" w14:textId="77777777" w:rsidR="00B01473" w:rsidRPr="00B01473" w:rsidRDefault="00B01473" w:rsidP="009A0C10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ubsemna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(a)</w:t>
      </w:r>
      <w:r w:rsidRPr="00B01473" w:rsidDel="007457C7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________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___, </w:t>
      </w:r>
    </w:p>
    <w:p w14:paraId="70E6BCD9" w14:textId="77777777" w:rsidR="00B01473" w:rsidRPr="00B01473" w:rsidRDefault="00B01473" w:rsidP="009A0C10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5EE7B4EF" w14:textId="77777777" w:rsidR="00B01473" w:rsidRPr="00B01473" w:rsidRDefault="00B01473" w:rsidP="009A0C10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____, la data de 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a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NP 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n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____________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mis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.A.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, pe _____________________________________________________________________________________</w:t>
      </w:r>
    </w:p>
    <w:p w14:paraId="7A15286F" w14:textId="77777777" w:rsidR="00B01473" w:rsidRPr="00B01473" w:rsidRDefault="00B01473" w:rsidP="009A0C10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       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mandata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18BD34F2" w14:textId="77777777" w:rsidR="00B01473" w:rsidRPr="00B01473" w:rsidRDefault="00B01473" w:rsidP="009A0C10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</w:t>
      </w:r>
    </w:p>
    <w:p w14:paraId="2DA4DCE4" w14:textId="4AD3A296" w:rsidR="00B01473" w:rsidRPr="00B01473" w:rsidRDefault="00B01473" w:rsidP="009A0C10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la data de _______________, CNP _________________________________,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prezenta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meu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dun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Genera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="0012657E">
        <w:rPr>
          <w:rFonts w:ascii="Inter" w:eastAsia="Calibri" w:hAnsi="Inter" w:cs="Times New Roman"/>
          <w:color w:val="auto"/>
          <w:kern w:val="2"/>
          <w:szCs w:val="20"/>
          <w:lang w:val="en-US"/>
        </w:rPr>
        <w:t>Extrao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rdinara 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, car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oc la data de </w:t>
      </w:r>
      <w:r w:rsidR="00AF36D1">
        <w:rPr>
          <w:rFonts w:ascii="Inter" w:eastAsia="Calibri" w:hAnsi="Inter" w:cs="Times New Roman"/>
          <w:color w:val="auto"/>
          <w:kern w:val="2"/>
          <w:szCs w:val="20"/>
          <w:lang w:val="en-US"/>
        </w:rPr>
        <w:t>24.11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.202</w:t>
      </w:r>
      <w:r w:rsidR="00247C30">
        <w:rPr>
          <w:rFonts w:ascii="Inter" w:eastAsia="Calibri" w:hAnsi="Inter" w:cs="Times New Roman"/>
          <w:color w:val="auto"/>
          <w:kern w:val="2"/>
          <w:szCs w:val="20"/>
          <w:lang w:val="en-US"/>
        </w:rPr>
        <w:t>5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o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10</w:t>
      </w:r>
      <w:r w:rsidR="0012657E" w:rsidRPr="0012657E">
        <w:rPr>
          <w:rFonts w:ascii="Inter" w:eastAsia="Calibri" w:hAnsi="Inter" w:cs="Times New Roman"/>
          <w:color w:val="auto"/>
          <w:kern w:val="2"/>
          <w:szCs w:val="20"/>
          <w:vertAlign w:val="superscript"/>
          <w:lang w:val="en-US"/>
        </w:rPr>
        <w:t>0</w:t>
      </w:r>
      <w:r w:rsidRPr="0012657E">
        <w:rPr>
          <w:rFonts w:ascii="Inter" w:eastAsia="Calibri" w:hAnsi="Inter" w:cs="Times New Roman"/>
          <w:color w:val="auto"/>
          <w:kern w:val="2"/>
          <w:szCs w:val="20"/>
          <w:vertAlign w:val="superscript"/>
          <w:lang w:val="en-US"/>
        </w:rPr>
        <w:t>0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clusiv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respond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rci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re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o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fere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u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mine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regist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ist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up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:</w:t>
      </w:r>
    </w:p>
    <w:p w14:paraId="28BADA6A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720"/>
        <w:gridCol w:w="5316"/>
        <w:gridCol w:w="1080"/>
        <w:gridCol w:w="1108"/>
        <w:gridCol w:w="1075"/>
      </w:tblGrid>
      <w:tr w:rsidR="00B01473" w:rsidRPr="00B01473" w14:paraId="2BB80F27" w14:textId="77777777" w:rsidTr="000C72F9">
        <w:tc>
          <w:tcPr>
            <w:tcW w:w="720" w:type="dxa"/>
          </w:tcPr>
          <w:p w14:paraId="2359E834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316" w:type="dxa"/>
          </w:tcPr>
          <w:p w14:paraId="4B2DE89C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B417AB8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80" w:type="dxa"/>
          </w:tcPr>
          <w:p w14:paraId="5A0DBAB6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BC0B81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</w:tcPr>
          <w:p w14:paraId="0B638B1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04DB1247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</w:tcPr>
          <w:p w14:paraId="6358CE0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60E426F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B01473" w:rsidRPr="00B01473" w14:paraId="1DBCF6C7" w14:textId="77777777" w:rsidTr="000C72F9">
        <w:tc>
          <w:tcPr>
            <w:tcW w:w="720" w:type="dxa"/>
          </w:tcPr>
          <w:p w14:paraId="4F2A05D6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316" w:type="dxa"/>
          </w:tcPr>
          <w:p w14:paraId="101C73EF" w14:textId="34113EBE" w:rsidR="009A0C10" w:rsidRPr="009A0C10" w:rsidRDefault="009A0C10" w:rsidP="009A0C10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oiect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(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m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s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pus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gistr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t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)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bsorbti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nt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, o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spunde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imita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stitui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ar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nctioneaz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formi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egislati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in Romania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and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di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seau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hideel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nr. 15D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ladi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gram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he</w:t>
            </w:r>
            <w:proofErr w:type="gram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ridge 1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taj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6, camera E6.07, Sector 6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curest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Romania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fici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gistr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t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p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ang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ribunal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curest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ub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ăr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J2009007090405, EUID: ROONRC. J2009007090405, cod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nic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(CUI) 25692675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and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un capital social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bscris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tegral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rsa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24.406.920 RON,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bsorban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Fleet Management S.R.L, o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spunde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imita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stitui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ar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nctioneaz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formi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egislati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in Romania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and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di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seau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hideel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nr. 15D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ladi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gram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he</w:t>
            </w:r>
            <w:proofErr w:type="gram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ridge 1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taj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3, camera E3.L01, Sector 6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curest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Romania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tă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fici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gistr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t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p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ang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ribunal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curest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ub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ar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J2009009851402, EUID: ROONRC. J2009009851402, cod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nic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(CUI) 26057566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and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un capital social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bscris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tegral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rsa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900.000 RON,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bsorbi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formi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oiect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in data de 03.09.2025.</w:t>
            </w:r>
          </w:p>
          <w:p w14:paraId="275EEEAD" w14:textId="77777777" w:rsidR="009A0C10" w:rsidRPr="009A0C10" w:rsidRDefault="009A0C10" w:rsidP="009A0C10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rm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mi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t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 908.517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ț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al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cu o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loa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minal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10 RO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eca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i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lat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era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6 RON, cu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itlu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l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.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tfe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u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tructur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pital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al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fi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up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m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rmeaz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:</w:t>
            </w:r>
          </w:p>
          <w:p w14:paraId="7FF72827" w14:textId="57FCC794" w:rsidR="009A0C10" w:rsidRPr="009A0C10" w:rsidRDefault="009A0C10" w:rsidP="009A0C10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lastRenderedPageBreak/>
              <w:t>•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Banc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cial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Romana S.A.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tin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u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a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2.440.691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ț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al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cu o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loa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minal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otal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24.406.910 RON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nd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72,87% d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pital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ticip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profit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proofErr w:type="gram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ierder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  <w:proofErr w:type="gramEnd"/>
          </w:p>
          <w:p w14:paraId="47CC610B" w14:textId="562B62E9" w:rsidR="009A0C10" w:rsidRPr="009A0C10" w:rsidRDefault="009A0C10" w:rsidP="009A0C10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•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BCR Leasing IFN S.A.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țin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u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a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908.518 parti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al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cu o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loa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minal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otal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9.085.180 RON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nd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7,13% d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pital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ticip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profit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ș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ierder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,</w:t>
            </w:r>
          </w:p>
          <w:p w14:paraId="1A2EC533" w14:textId="3ACD137B" w:rsidR="00B01473" w:rsidRPr="00B01473" w:rsidRDefault="009A0C10" w:rsidP="009A0C10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BCR Fleet Management S.R.L.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fi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zolvat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radiata d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gistr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t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1080" w:type="dxa"/>
          </w:tcPr>
          <w:p w14:paraId="0F5002EE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0B8D304B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428259D4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12657E" w:rsidRPr="00B01473" w14:paraId="39CE5E15" w14:textId="77777777" w:rsidTr="000C72F9">
        <w:tc>
          <w:tcPr>
            <w:tcW w:w="720" w:type="dxa"/>
          </w:tcPr>
          <w:p w14:paraId="3A96CB7C" w14:textId="31DFAB20" w:rsidR="0012657E" w:rsidRDefault="0012657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2.</w:t>
            </w:r>
          </w:p>
        </w:tc>
        <w:tc>
          <w:tcPr>
            <w:tcW w:w="5316" w:type="dxa"/>
          </w:tcPr>
          <w:p w14:paraId="46091A68" w14:textId="679263C2" w:rsidR="0012657E" w:rsidRPr="00B01473" w:rsidRDefault="009A0C10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ordar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r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/mandate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conform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rmel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terne,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ticipar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ocia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l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un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neral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ociatil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ociat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nic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BCR Fleet Management S.R.L., car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lement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xecut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oiect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scris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unctul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1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us,  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icar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ocumen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ns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ic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l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lemen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peratiun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ex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lementar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(e.g.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fectel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clusiv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jor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pital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al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odific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biect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cunda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vita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ualiz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ulu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stitutiv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zolv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die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Fleet Management SRL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scarc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stiun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ministrator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ord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r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t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ganel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duce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l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ar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oneaz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ocumentel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levant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alizar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orda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r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tr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ocat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xtern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r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fata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l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egale</w:t>
            </w:r>
            <w:proofErr w:type="spellEnd"/>
            <w:r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).</w:t>
            </w:r>
          </w:p>
        </w:tc>
        <w:tc>
          <w:tcPr>
            <w:tcW w:w="1080" w:type="dxa"/>
          </w:tcPr>
          <w:p w14:paraId="6646D0C2" w14:textId="77777777" w:rsidR="0012657E" w:rsidRPr="00B01473" w:rsidRDefault="0012657E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45C39F88" w14:textId="77777777" w:rsidR="0012657E" w:rsidRPr="00B01473" w:rsidRDefault="0012657E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7CCC0450" w14:textId="77777777" w:rsidR="0012657E" w:rsidRPr="00B01473" w:rsidRDefault="0012657E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B01473" w:rsidRPr="00B01473" w14:paraId="17433954" w14:textId="77777777" w:rsidTr="000C72F9">
        <w:tc>
          <w:tcPr>
            <w:tcW w:w="720" w:type="dxa"/>
          </w:tcPr>
          <w:p w14:paraId="09941B60" w14:textId="6E6614F3" w:rsidR="00B01473" w:rsidRPr="00B01473" w:rsidRDefault="0012657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3</w:t>
            </w:r>
            <w:r w:rsidR="00B01473"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316" w:type="dxa"/>
          </w:tcPr>
          <w:p w14:paraId="11EAEB46" w14:textId="6666E819" w:rsidR="00B01473" w:rsidRPr="00B01473" w:rsidRDefault="0012657E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12657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ndatarea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lu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Vlad Bogdan Vitcu, in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esedinte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Hotarari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unari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Generale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xtraordinare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onarilor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i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eia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ersonal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u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t</w:t>
            </w:r>
            <w:proofErr w:type="spellEnd"/>
            <w:r w:rsidR="009A0C10" w:rsidRPr="009A0C10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1080" w:type="dxa"/>
          </w:tcPr>
          <w:p w14:paraId="7C509526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3A76BFE7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78ACC660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4719D640" w14:textId="77777777" w:rsidR="0012657E" w:rsidRDefault="0012657E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6C5EF47E" w14:textId="026DBDDF" w:rsid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n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fo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fa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A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cop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cutar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ord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termedi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cur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peci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spect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vede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ulamen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Gener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nr. 679/2016, pre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ș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egisla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plicabi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ter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. Mai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ul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al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egate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od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care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erson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t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 s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as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c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nfidentialitat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ublica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 website-ul BCR Leasing IFN SA.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cr/>
      </w:r>
    </w:p>
    <w:p w14:paraId="587C1F8D" w14:textId="77777777" w:rsidR="009A0C10" w:rsidRPr="00B01473" w:rsidRDefault="009A0C10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11D67C77" w14:textId="24A2F718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Data: </w:t>
      </w:r>
    </w:p>
    <w:p w14:paraId="5AC4C80C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4A3B5FE2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62DA2DAD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                                                            ________________________________</w:t>
      </w:r>
    </w:p>
    <w:p w14:paraId="6717381C" w14:textId="7CD15D0D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  <w:t xml:space="preserve">     </w:t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p w14:paraId="00D08A74" w14:textId="77777777" w:rsid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3D0927A0" w14:textId="77777777" w:rsidR="00F048A2" w:rsidRPr="00B01473" w:rsidRDefault="00F048A2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6C74B24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______                                              _________________________________</w:t>
      </w:r>
    </w:p>
    <w:p w14:paraId="28F55821" w14:textId="1793146F" w:rsidR="00AF584B" w:rsidRPr="00AF584B" w:rsidRDefault="00B01473" w:rsidP="00B01473">
      <w:pPr>
        <w:spacing w:line="240" w:lineRule="auto"/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sectPr w:rsidR="00AF584B" w:rsidRPr="00AF584B" w:rsidSect="009A0C10">
      <w:headerReference w:type="default" r:id="rId7"/>
      <w:footerReference w:type="default" r:id="rId8"/>
      <w:headerReference w:type="first" r:id="rId9"/>
      <w:footerReference w:type="first" r:id="rId10"/>
      <w:pgSz w:w="11906" w:h="16838"/>
      <w:pgMar w:top="2625" w:right="1230" w:bottom="540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1FFB75C" w14:textId="77777777" w:rsidR="00E450C7" w:rsidRDefault="00E450C7" w:rsidP="00D16B86">
      <w:pPr>
        <w:spacing w:line="240" w:lineRule="auto"/>
      </w:pPr>
      <w:r>
        <w:separator/>
      </w:r>
    </w:p>
  </w:endnote>
  <w:endnote w:type="continuationSeparator" w:id="0">
    <w:p w14:paraId="57B33D3E" w14:textId="77777777" w:rsidR="00E450C7" w:rsidRDefault="00E450C7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Inter">
    <w:altName w:val="Calibri"/>
    <w:panose1 w:val="00000000000000000000"/>
    <w:charset w:val="00"/>
    <w:family w:val="modern"/>
    <w:notTrueType/>
    <w:pitch w:val="variable"/>
    <w:sig w:usb0="E0000AFF" w:usb1="5200A1FF" w:usb2="00000021" w:usb3="00000000" w:csb0="0000019F" w:csb1="00000000"/>
  </w:font>
  <w:font w:name="Inter SemiBold">
    <w:altName w:val="Cambria"/>
    <w:charset w:val="00"/>
    <w:family w:val="auto"/>
    <w:pitch w:val="variable"/>
    <w:sig w:usb0="E00002FF" w:usb1="1200A1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1502285339" name="Picture 150228533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BDD3C8F" w14:textId="77777777" w:rsidR="00E450C7" w:rsidRDefault="00E450C7" w:rsidP="00D16B86">
      <w:pPr>
        <w:spacing w:line="240" w:lineRule="auto"/>
      </w:pPr>
      <w:r>
        <w:separator/>
      </w:r>
    </w:p>
  </w:footnote>
  <w:footnote w:type="continuationSeparator" w:id="0">
    <w:p w14:paraId="1254F5AB" w14:textId="77777777" w:rsidR="00E450C7" w:rsidRDefault="00E450C7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509322107" name="Picture 50932210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fldSimple w:instr=" NUMPAGES   \* MERGEFORMAT ">
      <w:r>
        <w:rPr>
          <w:noProof/>
        </w:rPr>
        <w:t>2</w:t>
      </w:r>
    </w:fldSimple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proofErr w:type="gramStart"/>
          <w:r>
            <w:rPr>
              <w:spacing w:val="-4"/>
            </w:rPr>
            <w:t>3.L</w:t>
          </w:r>
          <w:proofErr w:type="gramEnd"/>
          <w:r>
            <w:rPr>
              <w:spacing w:val="-4"/>
            </w:rPr>
            <w:t>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24FF4FA6" w14:textId="77777777" w:rsidR="009A0C10" w:rsidRDefault="009A0C10" w:rsidP="009A0C10">
          <w:pPr>
            <w:pStyle w:val="Info"/>
          </w:pPr>
          <w:proofErr w:type="spellStart"/>
          <w:r>
            <w:t>Idenificator</w:t>
          </w:r>
          <w:proofErr w:type="spellEnd"/>
          <w:r>
            <w:t xml:space="preserve"> </w:t>
          </w:r>
          <w:proofErr w:type="spellStart"/>
          <w:r>
            <w:t>Unic</w:t>
          </w:r>
          <w:proofErr w:type="spellEnd"/>
          <w:r>
            <w:t xml:space="preserve"> la Nivel European (EUID) ROONRC.J2001003213400</w:t>
          </w:r>
        </w:p>
        <w:p w14:paraId="577CFB23" w14:textId="337C0DAD" w:rsidR="009A0C10" w:rsidRDefault="009A0C10" w:rsidP="009A0C10">
          <w:pPr>
            <w:pStyle w:val="Info"/>
          </w:pPr>
          <w:r>
            <w:t xml:space="preserve">Nr. </w:t>
          </w:r>
          <w:proofErr w:type="spellStart"/>
          <w:r>
            <w:t>înreg</w:t>
          </w:r>
          <w:proofErr w:type="spellEnd"/>
          <w:r>
            <w:t>. Reg. Com.  J2001003213400</w:t>
          </w:r>
        </w:p>
        <w:p w14:paraId="51198A7E" w14:textId="0BDA79BD" w:rsidR="00AE64DE" w:rsidRDefault="00AE64DE" w:rsidP="009A0C10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>Capital social: 63.382.475 LEI</w:t>
          </w:r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35C94F09" w14:textId="622DCD8C" w:rsidR="00CE0DED" w:rsidRDefault="00CE0DED" w:rsidP="0008580D">
          <w:pPr>
            <w:pStyle w:val="Info"/>
          </w:pP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fldSimple w:instr=" NUMPAGES   \* MERGEFORMAT ">
            <w:r w:rsidRPr="005A6184">
              <w:t>2</w:t>
            </w:r>
          </w:fldSimple>
        </w:p>
        <w:bookmarkStart w:id="0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13166FE4" w:rsidR="00CE0DED" w:rsidRDefault="00B01473" w:rsidP="0008580D">
              <w:pPr>
                <w:pStyle w:val="Info"/>
              </w:pPr>
              <w:r>
                <w:t>public</w:t>
              </w:r>
            </w:p>
          </w:sdtContent>
        </w:sdt>
        <w:bookmarkEnd w:id="0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14D845F6"/>
    <w:multiLevelType w:val="hybridMultilevel"/>
    <w:tmpl w:val="02108628"/>
    <w:lvl w:ilvl="0" w:tplc="FA7042B8">
      <w:start w:val="1"/>
      <w:numFmt w:val="lowerLetter"/>
      <w:lvlText w:val="(%1)"/>
      <w:lvlJc w:val="left"/>
      <w:pPr>
        <w:ind w:left="640" w:hanging="53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190" w:hanging="360"/>
      </w:pPr>
    </w:lvl>
    <w:lvl w:ilvl="2" w:tplc="0409001B" w:tentative="1">
      <w:start w:val="1"/>
      <w:numFmt w:val="lowerRoman"/>
      <w:lvlText w:val="%3."/>
      <w:lvlJc w:val="right"/>
      <w:pPr>
        <w:ind w:left="1910" w:hanging="180"/>
      </w:pPr>
    </w:lvl>
    <w:lvl w:ilvl="3" w:tplc="0409000F" w:tentative="1">
      <w:start w:val="1"/>
      <w:numFmt w:val="decimal"/>
      <w:lvlText w:val="%4."/>
      <w:lvlJc w:val="left"/>
      <w:pPr>
        <w:ind w:left="2630" w:hanging="360"/>
      </w:pPr>
    </w:lvl>
    <w:lvl w:ilvl="4" w:tplc="04090019" w:tentative="1">
      <w:start w:val="1"/>
      <w:numFmt w:val="lowerLetter"/>
      <w:lvlText w:val="%5."/>
      <w:lvlJc w:val="left"/>
      <w:pPr>
        <w:ind w:left="3350" w:hanging="360"/>
      </w:pPr>
    </w:lvl>
    <w:lvl w:ilvl="5" w:tplc="0409001B" w:tentative="1">
      <w:start w:val="1"/>
      <w:numFmt w:val="lowerRoman"/>
      <w:lvlText w:val="%6."/>
      <w:lvlJc w:val="right"/>
      <w:pPr>
        <w:ind w:left="4070" w:hanging="180"/>
      </w:pPr>
    </w:lvl>
    <w:lvl w:ilvl="6" w:tplc="0409000F" w:tentative="1">
      <w:start w:val="1"/>
      <w:numFmt w:val="decimal"/>
      <w:lvlText w:val="%7."/>
      <w:lvlJc w:val="left"/>
      <w:pPr>
        <w:ind w:left="4790" w:hanging="360"/>
      </w:pPr>
    </w:lvl>
    <w:lvl w:ilvl="7" w:tplc="04090019" w:tentative="1">
      <w:start w:val="1"/>
      <w:numFmt w:val="lowerLetter"/>
      <w:lvlText w:val="%8."/>
      <w:lvlJc w:val="left"/>
      <w:pPr>
        <w:ind w:left="5510" w:hanging="360"/>
      </w:pPr>
    </w:lvl>
    <w:lvl w:ilvl="8" w:tplc="0409001B" w:tentative="1">
      <w:start w:val="1"/>
      <w:numFmt w:val="lowerRoman"/>
      <w:lvlText w:val="%9."/>
      <w:lvlJc w:val="right"/>
      <w:pPr>
        <w:ind w:left="6230" w:hanging="180"/>
      </w:pPr>
    </w:lvl>
  </w:abstractNum>
  <w:num w:numId="1" w16cid:durableId="2106414095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8580D"/>
    <w:rsid w:val="000F4962"/>
    <w:rsid w:val="00102ED1"/>
    <w:rsid w:val="0012657E"/>
    <w:rsid w:val="0019409F"/>
    <w:rsid w:val="0023631F"/>
    <w:rsid w:val="00237DC4"/>
    <w:rsid w:val="0024195E"/>
    <w:rsid w:val="00247C30"/>
    <w:rsid w:val="00272F32"/>
    <w:rsid w:val="00274648"/>
    <w:rsid w:val="002B5C83"/>
    <w:rsid w:val="002D7A8B"/>
    <w:rsid w:val="002F5F7D"/>
    <w:rsid w:val="003035B6"/>
    <w:rsid w:val="00334E1A"/>
    <w:rsid w:val="003E56E6"/>
    <w:rsid w:val="00405CC8"/>
    <w:rsid w:val="00445062"/>
    <w:rsid w:val="004A4381"/>
    <w:rsid w:val="004C3F77"/>
    <w:rsid w:val="005716DC"/>
    <w:rsid w:val="00574BDD"/>
    <w:rsid w:val="005A6184"/>
    <w:rsid w:val="005E61C6"/>
    <w:rsid w:val="006B081C"/>
    <w:rsid w:val="006C1BC3"/>
    <w:rsid w:val="0073038B"/>
    <w:rsid w:val="00747C84"/>
    <w:rsid w:val="00756B0E"/>
    <w:rsid w:val="007B3670"/>
    <w:rsid w:val="008357D1"/>
    <w:rsid w:val="008C5D85"/>
    <w:rsid w:val="00934E23"/>
    <w:rsid w:val="00961CAA"/>
    <w:rsid w:val="009A0C10"/>
    <w:rsid w:val="009A7F6A"/>
    <w:rsid w:val="00AB7CE4"/>
    <w:rsid w:val="00AE64DE"/>
    <w:rsid w:val="00AF36D1"/>
    <w:rsid w:val="00AF584B"/>
    <w:rsid w:val="00B01473"/>
    <w:rsid w:val="00BB2D96"/>
    <w:rsid w:val="00BB3FB9"/>
    <w:rsid w:val="00C01390"/>
    <w:rsid w:val="00C42FC3"/>
    <w:rsid w:val="00C5223E"/>
    <w:rsid w:val="00CA0E17"/>
    <w:rsid w:val="00CE0DED"/>
    <w:rsid w:val="00D16B86"/>
    <w:rsid w:val="00D24B3E"/>
    <w:rsid w:val="00D3294F"/>
    <w:rsid w:val="00DA3EFD"/>
    <w:rsid w:val="00DE2269"/>
    <w:rsid w:val="00E11A28"/>
    <w:rsid w:val="00E450C7"/>
    <w:rsid w:val="00E5292C"/>
    <w:rsid w:val="00E578CA"/>
    <w:rsid w:val="00EA1F55"/>
    <w:rsid w:val="00F048A2"/>
    <w:rsid w:val="00F6455B"/>
    <w:rsid w:val="00FD25E2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  <w:style w:type="paragraph" w:styleId="ListParagraph">
    <w:name w:val="List Paragraph"/>
    <w:basedOn w:val="Normal"/>
    <w:uiPriority w:val="34"/>
    <w:qFormat/>
    <w:rsid w:val="006B081C"/>
    <w:pPr>
      <w:ind w:left="720"/>
      <w:contextualSpacing/>
    </w:pPr>
  </w:style>
  <w:style w:type="paragraph" w:styleId="Revision">
    <w:name w:val="Revision"/>
    <w:hidden/>
    <w:uiPriority w:val="99"/>
    <w:semiHidden/>
    <w:rsid w:val="00274648"/>
    <w:pPr>
      <w:spacing w:after="0" w:line="240" w:lineRule="auto"/>
    </w:pPr>
    <w:rPr>
      <w:color w:val="202020" w:themeColor="text1"/>
      <w:sz w:val="20"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63</TotalTime>
  <Pages>2</Pages>
  <Words>875</Words>
  <Characters>4990</Characters>
  <Application>Microsoft Office Word</Application>
  <DocSecurity>0</DocSecurity>
  <Lines>41</Lines>
  <Paragraphs>1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58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3</cp:revision>
  <cp:lastPrinted>2025-04-17T09:45:00Z</cp:lastPrinted>
  <dcterms:created xsi:type="dcterms:W3CDTF">2025-10-21T09:16:00Z</dcterms:created>
  <dcterms:modified xsi:type="dcterms:W3CDTF">2025-10-21T09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22:59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1995a4f8-d455-4f61-95e4-833efe9310c6</vt:lpwstr>
  </property>
  <property fmtid="{D5CDD505-2E9C-101B-9397-08002B2CF9AE}" pid="8" name="MSIP_Label_38939b85-7e40-4a1d-91e1-0e84c3b219d7_ContentBits">
    <vt:lpwstr>0</vt:lpwstr>
  </property>
  <property fmtid="{D5CDD505-2E9C-101B-9397-08002B2CF9AE}" pid="9" name="DocumentFN">
    <vt:lpwstr>C:\Users\danai\AppData\Local\Microsoft\Windows\INetCache\Content.Outlook\34GN36A1\Procura Speciala AGEA_24.11.2025.docx</vt:lpwstr>
  </property>
  <property fmtid="{D5CDD505-2E9C-101B-9397-08002B2CF9AE}" pid="10" name="DocumentId">
    <vt:lpwstr>bd60c599-f353-4f62-9abb-b4f7b65fccc9</vt:lpwstr>
  </property>
</Properties>
</file>